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426"/>
  <workbookPr/>
  <mc:AlternateContent xmlns:mc="http://schemas.openxmlformats.org/markup-compatibility/2006">
    <mc:Choice Requires="x15">
      <x15ac:absPath xmlns:x15ac="http://schemas.microsoft.com/office/spreadsheetml/2010/11/ac" url="C:\Users\s9243869\Desktop\"/>
    </mc:Choice>
  </mc:AlternateContent>
  <xr:revisionPtr revIDLastSave="0" documentId="8_{13943B94-198C-4C10-9F3E-13901AD02F15}" xr6:coauthVersionLast="47" xr6:coauthVersionMax="47" xr10:uidLastSave="{00000000-0000-0000-0000-000000000000}"/>
  <bookViews>
    <workbookView xWindow="-28920" yWindow="-120" windowWidth="29040" windowHeight="15720" xr2:uid="{589CE6CE-8B99-C044-8F02-96DCAC43CA17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9" uniqueCount="29">
  <si>
    <t>Department TA Assignments to send to CUPE - added from the MS Form for Faculty submissions</t>
  </si>
  <si>
    <t>Chairs and Admin can add to this spreadsheet</t>
  </si>
  <si>
    <t>Job Number</t>
  </si>
  <si>
    <t>Term</t>
  </si>
  <si>
    <t>Year</t>
  </si>
  <si>
    <t>Course Code</t>
  </si>
  <si>
    <t>Course Number</t>
  </si>
  <si>
    <t>Assignment</t>
  </si>
  <si>
    <t>Work Duties</t>
  </si>
  <si>
    <t>Qualifications</t>
  </si>
  <si>
    <t>Experience</t>
  </si>
  <si>
    <t>Work Schedule</t>
  </si>
  <si>
    <t>Work hours</t>
  </si>
  <si>
    <t>Filled or Open</t>
  </si>
  <si>
    <t>Department Name</t>
  </si>
  <si>
    <t>Link for Application Form:</t>
  </si>
  <si>
    <t>Once positions are filled, Admin will add to end column and post on their Dean's webpage for job postings</t>
  </si>
  <si>
    <t xml:space="preserve">https://forms.office.com/r/iNMNAAC0fA </t>
  </si>
  <si>
    <t>Position Format</t>
  </si>
  <si>
    <t>Environmental Science</t>
  </si>
  <si>
    <t>Winter</t>
  </si>
  <si>
    <t>ENVS 4480</t>
  </si>
  <si>
    <t>ENVS4480262001</t>
  </si>
  <si>
    <t>Lab set-up, marking lab reports, supporting students during lab sessions, and helping organize and run field trips.</t>
  </si>
  <si>
    <t>Graduate student. Strong background in environmental contaminants (As &amp; Hg), contaminant transport, and related topics. Hold a valid Drivers Licence</t>
  </si>
  <si>
    <t>Tuesdays 1 pm - 5:30 pm labs, flexible hours for marking</t>
  </si>
  <si>
    <t>In person</t>
  </si>
  <si>
    <t>Open</t>
  </si>
  <si>
    <t>At least 1 year of field work in contaminated sites conducting environmental measurements and sample collections. 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2"/>
      <color theme="1"/>
      <name val="Aptos Narrow"/>
      <family val="2"/>
      <scheme val="minor"/>
    </font>
    <font>
      <b/>
      <sz val="12"/>
      <color theme="1"/>
      <name val="Aptos Narrow"/>
      <family val="2"/>
      <scheme val="minor"/>
    </font>
    <font>
      <u/>
      <sz val="12"/>
      <color theme="10"/>
      <name val="Aptos Narrow"/>
      <family val="2"/>
      <scheme val="minor"/>
    </font>
    <font>
      <sz val="12"/>
      <color rgb="FF000000"/>
      <name val="Aptos Narrow"/>
      <family val="2"/>
      <scheme val="minor"/>
    </font>
    <font>
      <sz val="11"/>
      <color rgb="FF000000"/>
      <name val="Aptos Display"/>
      <family val="2"/>
    </font>
    <font>
      <sz val="14"/>
      <color rgb="FF000000"/>
      <name val="Aptos Narrow"/>
      <family val="2"/>
      <scheme val="minor"/>
    </font>
    <font>
      <b/>
      <sz val="12"/>
      <color rgb="FF000000"/>
      <name val="Aptos Narrow"/>
      <family val="2"/>
      <scheme val="minor"/>
    </font>
    <font>
      <sz val="11"/>
      <color theme="1"/>
      <name val="Aptos Display"/>
      <family val="2"/>
    </font>
    <font>
      <b/>
      <sz val="11"/>
      <color theme="1"/>
      <name val="Aptos Display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0" fontId="2" fillId="0" borderId="0" applyNumberFormat="0" applyFill="0" applyBorder="0" applyAlignment="0" applyProtection="0"/>
  </cellStyleXfs>
  <cellXfs count="20">
    <xf numFmtId="0" fontId="0" fillId="0" borderId="0" xfId="0"/>
    <xf numFmtId="0" fontId="3" fillId="0" borderId="0" xfId="0" applyFont="1" applyAlignment="1">
      <alignment horizontal="left" vertical="top"/>
    </xf>
    <xf numFmtId="0" fontId="3" fillId="0" borderId="0" xfId="0" applyFont="1"/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vertical="center"/>
    </xf>
    <xf numFmtId="0" fontId="5" fillId="0" borderId="0" xfId="0" applyFont="1"/>
    <xf numFmtId="0" fontId="6" fillId="0" borderId="0" xfId="0" applyFont="1" applyAlignment="1">
      <alignment horizontal="left" vertical="top"/>
    </xf>
    <xf numFmtId="0" fontId="2" fillId="0" borderId="0" xfId="1" applyFill="1" applyBorder="1" applyAlignment="1">
      <alignment horizontal="left" vertical="top"/>
    </xf>
    <xf numFmtId="0" fontId="0" fillId="0" borderId="0" xfId="0" applyAlignment="1">
      <alignment horizontal="left" vertical="center"/>
    </xf>
    <xf numFmtId="0" fontId="7" fillId="0" borderId="0" xfId="0" applyFont="1" applyAlignment="1">
      <alignment vertical="center"/>
    </xf>
    <xf numFmtId="0" fontId="1" fillId="0" borderId="0" xfId="0" applyFont="1"/>
    <xf numFmtId="0" fontId="1" fillId="0" borderId="0" xfId="0" applyFont="1" applyAlignment="1">
      <alignment horizontal="left" vertical="top"/>
    </xf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8" fillId="0" borderId="0" xfId="0" applyFont="1" applyAlignment="1">
      <alignment vertical="center"/>
    </xf>
    <xf numFmtId="0" fontId="8" fillId="0" borderId="0" xfId="0" applyFont="1" applyAlignment="1">
      <alignment vertical="center" wrapText="1"/>
    </xf>
    <xf numFmtId="0" fontId="2" fillId="0" borderId="0" xfId="1"/>
    <xf numFmtId="0" fontId="3" fillId="0" borderId="0" xfId="0" applyFont="1"/>
    <xf numFmtId="0" fontId="0" fillId="0" borderId="0" xfId="0"/>
  </cellXfs>
  <cellStyles count="2">
    <cellStyle name="Hyperlink" xfId="1" builtinId="8"/>
    <cellStyle name="Normal" xfId="0" builtinId="0"/>
  </cellStyles>
  <dxfs count="16"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Aptos Display"/>
        <scheme val="none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left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</dxf>
    <dxf>
      <border outline="0">
        <right style="thin">
          <color indexed="64"/>
        </right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alignment horizontal="general" vertical="center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2"/>
        <color theme="1"/>
        <name val="Aptos Narrow"/>
        <family val="2"/>
        <scheme val="minor"/>
      </font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B9D1EE67-127C-704E-A683-E933C9303A52}" name="reqTable" displayName="reqTable" ref="A11:N12" totalsRowShown="0" headerRowDxfId="15" dataDxfId="14" tableBorderDxfId="13">
  <autoFilter ref="A11:N12" xr:uid="{B9D1EE67-127C-704E-A683-E933C9303A52}"/>
  <tableColumns count="14">
    <tableColumn id="1" xr3:uid="{F9E2325D-4FB6-1F4F-8678-EB5FFED00657}" name="Job Number"/>
    <tableColumn id="2" xr3:uid="{6A1130E7-9752-4A47-AA8E-7463ADD9F177}" name="Department Name" dataDxfId="12"/>
    <tableColumn id="3" xr3:uid="{0B183189-3258-EB4D-AE16-DA0EBB3725A1}" name="Term" dataDxfId="11"/>
    <tableColumn id="14" xr3:uid="{68EE54BE-7ACB-48B5-BEE4-3BF86F603465}" name="Year" dataDxfId="10"/>
    <tableColumn id="4" xr3:uid="{7A987F95-A387-1444-A9BC-B9C3721C19FB}" name="Course Code" dataDxfId="9"/>
    <tableColumn id="5" xr3:uid="{3F76FBCE-9CB4-9B4F-88CD-5263838554FE}" name="Course Number" dataDxfId="8"/>
    <tableColumn id="6" xr3:uid="{8538F349-D26D-B74C-A58D-B8949A47CD50}" name="Assignment" dataDxfId="7"/>
    <tableColumn id="7" xr3:uid="{DEFB01B9-4D93-A347-AB6C-8D904C453BC2}" name="Work Duties" dataDxfId="6"/>
    <tableColumn id="8" xr3:uid="{F82C6AA8-0540-134D-A4E9-CF34DE2BAB91}" name="Qualifications" dataDxfId="5"/>
    <tableColumn id="9" xr3:uid="{9A69496A-BA15-C64E-A5B6-118DAD017206}" name="Experience" dataDxfId="4"/>
    <tableColumn id="10" xr3:uid="{4B8F440F-487D-B644-AA44-BF51C378C539}" name="Work Schedule" dataDxfId="3"/>
    <tableColumn id="11" xr3:uid="{A5EFF638-17B9-274A-BC2D-CDDF762EFECC}" name="Work hours" dataDxfId="2"/>
    <tableColumn id="12" xr3:uid="{49616509-2283-6243-9872-7F162F0B065E}" name="Position Format" dataDxfId="1"/>
    <tableColumn id="13" xr3:uid="{A0F7E05C-EDCC-1041-874F-D1792BFD72F6}" name="Filled or Open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hyperlink" Target="https://forms.office.com/r/iNMNAAC0fA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DEB822-FA5A-7E4D-97EA-5C3FF76B8D65}">
  <dimension ref="A1:O12"/>
  <sheetViews>
    <sheetView tabSelected="1" zoomScaleNormal="100" workbookViewId="0">
      <selection activeCell="A16" sqref="A16"/>
    </sheetView>
  </sheetViews>
  <sheetFormatPr defaultColWidth="10.875" defaultRowHeight="15.75" x14ac:dyDescent="0.25"/>
  <cols>
    <col min="1" max="1" width="21.75" customWidth="1"/>
    <col min="2" max="2" width="18" bestFit="1" customWidth="1"/>
    <col min="3" max="3" width="13" bestFit="1" customWidth="1"/>
    <col min="4" max="4" width="13.75" bestFit="1" customWidth="1"/>
    <col min="5" max="5" width="17.875" bestFit="1" customWidth="1"/>
    <col min="6" max="6" width="15.125" bestFit="1" customWidth="1"/>
    <col min="7" max="7" width="13.625" bestFit="1" customWidth="1"/>
    <col min="8" max="8" width="12.875" bestFit="1" customWidth="1"/>
    <col min="9" max="9" width="16.125" bestFit="1" customWidth="1"/>
    <col min="10" max="10" width="12.125" bestFit="1" customWidth="1"/>
    <col min="11" max="11" width="26.875" bestFit="1" customWidth="1"/>
    <col min="13" max="13" width="20.125" bestFit="1" customWidth="1"/>
    <col min="14" max="14" width="14.125" bestFit="1" customWidth="1"/>
  </cols>
  <sheetData>
    <row r="1" spans="1:15" x14ac:dyDescent="0.25">
      <c r="B1" s="18"/>
      <c r="C1" s="18"/>
      <c r="D1" s="2"/>
      <c r="E1" s="2"/>
      <c r="F1" s="2"/>
      <c r="G1" s="2"/>
      <c r="H1" s="2"/>
      <c r="I1" s="2"/>
      <c r="J1" s="3"/>
      <c r="K1" s="2"/>
      <c r="L1" s="2"/>
      <c r="M1" s="4"/>
      <c r="N1" s="2"/>
    </row>
    <row r="2" spans="1:15" ht="18.75" x14ac:dyDescent="0.3">
      <c r="A2" s="1" t="s">
        <v>0</v>
      </c>
      <c r="B2" s="5"/>
      <c r="C2" s="2"/>
      <c r="D2" s="2"/>
      <c r="E2" s="2"/>
      <c r="F2" s="2"/>
      <c r="G2" s="2"/>
      <c r="H2" s="3"/>
      <c r="I2" s="2"/>
      <c r="J2" s="2"/>
      <c r="K2" s="4"/>
      <c r="L2" s="2"/>
    </row>
    <row r="3" spans="1:15" ht="18.75" x14ac:dyDescent="0.3">
      <c r="A3" t="s">
        <v>1</v>
      </c>
      <c r="B3" s="2"/>
      <c r="C3" s="2"/>
      <c r="D3" s="5"/>
      <c r="E3" s="2"/>
      <c r="F3" s="2"/>
      <c r="G3" s="2"/>
      <c r="H3" s="2"/>
      <c r="I3" s="2"/>
      <c r="J3" s="3"/>
      <c r="K3" s="2"/>
      <c r="L3" s="2"/>
      <c r="M3" s="4"/>
      <c r="N3" s="2"/>
    </row>
    <row r="4" spans="1:15" ht="18.75" x14ac:dyDescent="0.3">
      <c r="A4" t="s">
        <v>16</v>
      </c>
      <c r="B4" s="2"/>
      <c r="C4" s="6"/>
      <c r="D4" s="5"/>
      <c r="E4" s="2"/>
      <c r="F4" s="2"/>
      <c r="G4" s="2"/>
      <c r="H4" s="2"/>
      <c r="I4" s="2"/>
      <c r="J4" s="3"/>
      <c r="K4" s="2"/>
      <c r="L4" s="2"/>
      <c r="M4" s="4"/>
      <c r="N4" s="2"/>
    </row>
    <row r="5" spans="1:15" ht="18.75" x14ac:dyDescent="0.3">
      <c r="B5" s="2"/>
      <c r="C5" s="7"/>
      <c r="D5" s="5"/>
      <c r="E5" s="2"/>
      <c r="F5" s="2"/>
      <c r="G5" s="2"/>
      <c r="H5" s="2"/>
      <c r="I5" s="2"/>
      <c r="J5" s="3"/>
      <c r="K5" s="2"/>
      <c r="L5" s="2"/>
      <c r="M5" s="4"/>
      <c r="N5" s="2"/>
    </row>
    <row r="6" spans="1:15" ht="18.75" x14ac:dyDescent="0.3">
      <c r="B6" s="18"/>
      <c r="C6" s="18"/>
      <c r="D6" s="5"/>
      <c r="E6" s="2"/>
      <c r="F6" s="2"/>
      <c r="G6" s="2"/>
      <c r="H6" s="2"/>
      <c r="I6" s="2"/>
      <c r="J6" s="3"/>
      <c r="K6" s="2"/>
      <c r="L6" s="2"/>
      <c r="M6" s="4"/>
      <c r="N6" s="2"/>
    </row>
    <row r="7" spans="1:15" x14ac:dyDescent="0.25">
      <c r="A7" t="s">
        <v>15</v>
      </c>
      <c r="B7" s="17" t="s">
        <v>17</v>
      </c>
    </row>
    <row r="8" spans="1:15" ht="18.75" x14ac:dyDescent="0.3">
      <c r="B8" s="18"/>
      <c r="C8" s="18"/>
      <c r="D8" s="5"/>
      <c r="E8" s="2"/>
      <c r="F8" s="2"/>
      <c r="G8" s="2"/>
      <c r="H8" s="2"/>
      <c r="I8" s="2"/>
      <c r="J8" s="3"/>
      <c r="K8" s="2"/>
      <c r="L8" s="2"/>
      <c r="M8" s="4"/>
      <c r="N8" s="2"/>
    </row>
    <row r="9" spans="1:15" x14ac:dyDescent="0.25">
      <c r="A9" s="1"/>
      <c r="B9" s="2"/>
      <c r="C9" s="2"/>
      <c r="D9" s="2"/>
      <c r="E9" s="2"/>
      <c r="F9" s="2"/>
      <c r="G9" s="2"/>
      <c r="H9" s="3"/>
      <c r="I9" s="2"/>
      <c r="J9" s="2"/>
      <c r="K9" s="4"/>
      <c r="L9" s="2"/>
    </row>
    <row r="10" spans="1:15" x14ac:dyDescent="0.25">
      <c r="B10" s="19"/>
      <c r="C10" s="19"/>
      <c r="J10" s="8"/>
      <c r="M10" s="9"/>
    </row>
    <row r="11" spans="1:15" x14ac:dyDescent="0.25">
      <c r="A11" t="s">
        <v>2</v>
      </c>
      <c r="B11" s="10" t="s">
        <v>14</v>
      </c>
      <c r="C11" s="11" t="s">
        <v>3</v>
      </c>
      <c r="D11" s="11" t="s">
        <v>4</v>
      </c>
      <c r="E11" s="10" t="s">
        <v>5</v>
      </c>
      <c r="F11" s="10" t="s">
        <v>6</v>
      </c>
      <c r="G11" s="10" t="s">
        <v>7</v>
      </c>
      <c r="H11" s="10" t="s">
        <v>8</v>
      </c>
      <c r="I11" s="10" t="s">
        <v>9</v>
      </c>
      <c r="J11" s="10" t="s">
        <v>10</v>
      </c>
      <c r="K11" s="12" t="s">
        <v>11</v>
      </c>
      <c r="L11" s="10" t="s">
        <v>12</v>
      </c>
      <c r="M11" s="10" t="s">
        <v>18</v>
      </c>
      <c r="N11" s="15" t="s">
        <v>13</v>
      </c>
      <c r="O11" s="10"/>
    </row>
    <row r="12" spans="1:15" ht="173.25" x14ac:dyDescent="0.25">
      <c r="A12" t="s">
        <v>22</v>
      </c>
      <c r="B12" s="10" t="s">
        <v>19</v>
      </c>
      <c r="C12" s="10" t="s">
        <v>20</v>
      </c>
      <c r="D12" s="10">
        <v>2026</v>
      </c>
      <c r="E12" s="13" t="s">
        <v>21</v>
      </c>
      <c r="F12" s="13">
        <v>28338</v>
      </c>
      <c r="G12" s="14">
        <v>1</v>
      </c>
      <c r="H12" s="14" t="s">
        <v>23</v>
      </c>
      <c r="I12" s="14" t="s">
        <v>24</v>
      </c>
      <c r="J12" s="14" t="s">
        <v>28</v>
      </c>
      <c r="K12" s="13" t="s">
        <v>25</v>
      </c>
      <c r="L12" s="14">
        <v>48</v>
      </c>
      <c r="M12" s="14" t="s">
        <v>26</v>
      </c>
      <c r="N12" s="16" t="s">
        <v>27</v>
      </c>
      <c r="O12" s="10"/>
    </row>
  </sheetData>
  <mergeCells count="4">
    <mergeCell ref="B1:C1"/>
    <mergeCell ref="B6:C6"/>
    <mergeCell ref="B8:C8"/>
    <mergeCell ref="B10:C10"/>
  </mergeCells>
  <hyperlinks>
    <hyperlink ref="B7" r:id="rId1" xr:uid="{7BEBAF0E-7854-43F3-BEE8-046EA6BD4939}"/>
  </hyperlinks>
  <pageMargins left="0.7" right="0.7" top="0.75" bottom="0.75" header="0.3" footer="0.3"/>
  <tableParts count="1">
    <tablePart r:id="rId2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A3FE5A775F2B543A6EE6935EE20ED59" ma:contentTypeVersion="3" ma:contentTypeDescription="Create a new document." ma:contentTypeScope="" ma:versionID="5f59b5550ad409cdb36b1e906734f490">
  <xsd:schema xmlns:xsd="http://www.w3.org/2001/XMLSchema" xmlns:xs="http://www.w3.org/2001/XMLSchema" xmlns:p="http://schemas.microsoft.com/office/2006/metadata/properties" xmlns:ns2="da85246f-3ff2-484c-8255-1b1a07a637b5" targetNamespace="http://schemas.microsoft.com/office/2006/metadata/properties" ma:root="true" ma:fieldsID="a6e77f7c40d0753157fd44f98284ac31" ns2:_="">
    <xsd:import namespace="da85246f-3ff2-484c-8255-1b1a07a637b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a85246f-3ff2-484c-8255-1b1a07a637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490336FB-4A9F-48C8-9885-A6E8C073E5B7}">
  <ds:schemaRefs>
    <ds:schemaRef ds:uri="http://schemas.microsoft.com/office/infopath/2007/PartnerControls"/>
    <ds:schemaRef ds:uri="http://schemas.openxmlformats.org/package/2006/metadata/core-properties"/>
    <ds:schemaRef ds:uri="http://schemas.microsoft.com/office/2006/documentManagement/types"/>
    <ds:schemaRef ds:uri="http://www.w3.org/XML/1998/namespace"/>
    <ds:schemaRef ds:uri="http://purl.org/dc/elements/1.1/"/>
    <ds:schemaRef ds:uri="http://purl.org/dc/terms/"/>
    <ds:schemaRef ds:uri="da85246f-3ff2-484c-8255-1b1a07a637b5"/>
    <ds:schemaRef ds:uri="http://schemas.microsoft.com/office/2006/metadata/properties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C7578614-D2F2-4485-8DAA-9A8C2D60DD6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4DF4B63-19C5-4D4E-8613-2DC3414092C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a85246f-3ff2-484c-8255-1b1a07a637b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pril Scheller</dc:creator>
  <cp:keywords/>
  <dc:description/>
  <cp:lastModifiedBy>Rosa Rodriguez</cp:lastModifiedBy>
  <cp:revision/>
  <dcterms:created xsi:type="dcterms:W3CDTF">2025-12-08T00:13:53Z</dcterms:created>
  <dcterms:modified xsi:type="dcterms:W3CDTF">2026-01-16T22:31:21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A3FE5A775F2B543A6EE6935EE20ED59</vt:lpwstr>
  </property>
</Properties>
</file>